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1_松江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6" uniqueCount="340">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たわら眼科</t>
    <phoneticPr fontId="3"/>
  </si>
  <si>
    <t>〒692-0022 安来市南十神町１７－２</t>
    <phoneticPr fontId="3"/>
  </si>
  <si>
    <t>〇</t>
  </si>
  <si>
    <t>医療法人</t>
  </si>
  <si>
    <t>眼科</t>
  </si>
  <si>
    <t>無</t>
  </si>
  <si>
    <t>*</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13277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39</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5</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5</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5</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5</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5</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7</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0</v>
      </c>
      <c r="K157" s="99" t="str">
        <f t="shared" ref="K157:K172" si="1">IF(OR(COUNTIF(L157:O157,"未確認")&gt;0,COUNTIF(L157:O157,"*")&gt;0),"※","")</f>
        <v/>
      </c>
      <c r="L157" s="167">
        <v>0</v>
      </c>
      <c r="M157" s="167">
        <v>0</v>
      </c>
      <c r="N157" s="167">
        <v>0</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v>0</v>
      </c>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2</v>
      </c>
      <c r="K159" s="99" t="str">
        <f t="shared" si="1"/>
        <v/>
      </c>
      <c r="L159" s="167">
        <v>1</v>
      </c>
      <c r="M159" s="167">
        <v>0</v>
      </c>
      <c r="N159" s="167">
        <v>1</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v>0</v>
      </c>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0</v>
      </c>
      <c r="K161" s="99" t="str">
        <f t="shared" si="1"/>
        <v/>
      </c>
      <c r="L161" s="167">
        <v>0</v>
      </c>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v>0</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v>0</v>
      </c>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v>0</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v>0</v>
      </c>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v>0</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7</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334</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128</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128</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128</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128</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128</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128</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128</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128</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128</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t="s">
        <v>338</v>
      </c>
      <c r="K318" s="99" t="str">
        <f>IF(OR(COUNTIF(J318,"未確認")&gt;0,COUNTIF(J318,"*")&gt;0),"※","")</f>
        <v>※</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0</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128</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01:36Z</cp:lastPrinted>
  <dcterms:created xsi:type="dcterms:W3CDTF">2019-03-05T11:12:49Z</dcterms:created>
  <dcterms:modified xsi:type="dcterms:W3CDTF">2021-05-24T00:01:36Z</dcterms:modified>
</cp:coreProperties>
</file>